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593196\Dropbox\Neyedley-Meagher-Hanley - MOOSHLA\TGI_Round_2_Deliverables\March_2020_Thermobarometry_OFR\"/>
    </mc:Choice>
  </mc:AlternateContent>
  <bookViews>
    <workbookView xWindow="0" yWindow="0" windowWidth="20400" windowHeight="7785"/>
  </bookViews>
  <sheets>
    <sheet name="Appendix 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4" uniqueCount="97">
  <si>
    <t>MSK-715.6B-1</t>
  </si>
  <si>
    <t>MSK-715.6B-2</t>
  </si>
  <si>
    <t>MSK-715.6B-3</t>
  </si>
  <si>
    <t>MSK-715.6B-4</t>
  </si>
  <si>
    <t>MSK-715.6B-5</t>
  </si>
  <si>
    <t>MSK-715.6B-6</t>
  </si>
  <si>
    <t>MSK-715.6B-7</t>
  </si>
  <si>
    <t>MSK-715.6B-8</t>
  </si>
  <si>
    <t>MSK-715.6B-9</t>
  </si>
  <si>
    <t>MSK-715.6B-10</t>
  </si>
  <si>
    <t>MSK-715.6B-11</t>
  </si>
  <si>
    <t>MSK-715.6B-12</t>
  </si>
  <si>
    <t>MSK-715.6B-13</t>
  </si>
  <si>
    <t>MSK-715.6B-14</t>
  </si>
  <si>
    <t>MSK-715.6B-15</t>
  </si>
  <si>
    <t>MSK-715.6B-16</t>
  </si>
  <si>
    <t>MSK-715.6B-17</t>
  </si>
  <si>
    <t>MSK-715.6B-18</t>
  </si>
  <si>
    <t>MSK-715.6B-19</t>
  </si>
  <si>
    <t>MSK-715.6C-1</t>
  </si>
  <si>
    <t>MSK-715.6C-2</t>
  </si>
  <si>
    <t>MSK-715.6C-3</t>
  </si>
  <si>
    <t>MSK-493.7-A3-1</t>
  </si>
  <si>
    <t>MSK-493.7-A3-2</t>
  </si>
  <si>
    <t>MSK-493.7-A3-3</t>
  </si>
  <si>
    <t>MSK-493.7-A4-1</t>
  </si>
  <si>
    <t>MSK-493.7-A4-2</t>
  </si>
  <si>
    <t>MSK-493.7-A4-3</t>
  </si>
  <si>
    <t>MSK-493.7B-1</t>
  </si>
  <si>
    <t>MSK-493.7B-2</t>
  </si>
  <si>
    <t>MSK-493.7B-3</t>
  </si>
  <si>
    <t>MSK-493.7B-4</t>
  </si>
  <si>
    <t>MSK-493.7B-5</t>
  </si>
  <si>
    <t>MSK-493.7D-1</t>
  </si>
  <si>
    <t>MSK-493.7D-2</t>
  </si>
  <si>
    <t>Stop10</t>
  </si>
  <si>
    <t>Stop11</t>
  </si>
  <si>
    <t>Sample</t>
  </si>
  <si>
    <t>Ti (ppm)</t>
  </si>
  <si>
    <t>MSK-715.6C-5</t>
  </si>
  <si>
    <t>MSK-715.6C-6</t>
  </si>
  <si>
    <t>MSK-715.6C-7</t>
  </si>
  <si>
    <t>MSK-715.6C-8</t>
  </si>
  <si>
    <t>MSK-715.6C-10</t>
  </si>
  <si>
    <t>1106.86-534.8</t>
  </si>
  <si>
    <t>1106-86-1323</t>
  </si>
  <si>
    <t>1106-86-1444.5</t>
  </si>
  <si>
    <t>Appendix 1: Ti-in-quartz data</t>
  </si>
  <si>
    <t>QTZ-493.7B_A4B - 5</t>
  </si>
  <si>
    <t>QTZ-493.7TS - 7</t>
  </si>
  <si>
    <t>QTZ-493.7TS - 13</t>
  </si>
  <si>
    <t>QTZ-493.7B_A4B - 3</t>
  </si>
  <si>
    <t>QTZ-493.7TS - 2</t>
  </si>
  <si>
    <t>QTZ-493.7TS - 12</t>
  </si>
  <si>
    <t>QTZ-493.7TS - 4</t>
  </si>
  <si>
    <t>QTZ-493.7B_A4A - 3</t>
  </si>
  <si>
    <t>QTZ-493.7TS - 8</t>
  </si>
  <si>
    <t>QTZ-493.7TS - 3</t>
  </si>
  <si>
    <t>QTZ-493.7B_A4B - 6</t>
  </si>
  <si>
    <t>QTZ-493.7B_A4A - 1</t>
  </si>
  <si>
    <t>QTZ-493.7TS - 6</t>
  </si>
  <si>
    <t>QTZ-493.7B_A4B - 4</t>
  </si>
  <si>
    <t>QTZ-493.7TS - 1</t>
  </si>
  <si>
    <t>QTZ-493.7B_A3B - 4</t>
  </si>
  <si>
    <t>QTZ-493.7B_A4B - 2</t>
  </si>
  <si>
    <t>QTZ-493.7TS - 9</t>
  </si>
  <si>
    <t>QTZ-493.7B_A6A - 5</t>
  </si>
  <si>
    <t>QTZ-493.7B_A4B - 1</t>
  </si>
  <si>
    <t>QTZ-493.7B_A6B - 6</t>
  </si>
  <si>
    <t>QTZ-493.7TS - 5</t>
  </si>
  <si>
    <t>QTZ-493.7B_A6B - 4</t>
  </si>
  <si>
    <t>QTZ-493.7B_A3A - 5</t>
  </si>
  <si>
    <t>QTZ-493.7TS - 11</t>
  </si>
  <si>
    <t>QTZ-493.7TS - 10</t>
  </si>
  <si>
    <t>QTZ-493.7B_A6A - 1</t>
  </si>
  <si>
    <t>QTZ-493.7B_A3A - 6</t>
  </si>
  <si>
    <t>QTZ-493.7B_A4A - 4</t>
  </si>
  <si>
    <t>QTZ-493.7B_A3B - 3</t>
  </si>
  <si>
    <t>QTZ-493.7B_A6B - 1</t>
  </si>
  <si>
    <t>QTZ-493.7B_A6A - 2</t>
  </si>
  <si>
    <t>QTZ-493.7B_A4A - 2</t>
  </si>
  <si>
    <t>QTZ-493.7B_A6B - 3</t>
  </si>
  <si>
    <t>QTZ-493.7B_A4A - 5</t>
  </si>
  <si>
    <t>QTZ-493.7B_A6B - 2</t>
  </si>
  <si>
    <t>QTZ-493.7B_A3B - 2</t>
  </si>
  <si>
    <t>QTZ-493.7B_A6A - 6</t>
  </si>
  <si>
    <t>QTZ-493.7B_A3B - 1</t>
  </si>
  <si>
    <t>QTZ-493.7B_A3A - 3</t>
  </si>
  <si>
    <t>QTZ-493.7B_A3A - 4</t>
  </si>
  <si>
    <t>QTZ-493.7B_A4A - 6</t>
  </si>
  <si>
    <t>QTZ-493.7B_A3A - 1</t>
  </si>
  <si>
    <t>QTZ-493.7B_A6A - 3</t>
  </si>
  <si>
    <t>QTZ-493.7B_A3B - 5</t>
  </si>
  <si>
    <t>QTZ-493.7B_A3B - 6</t>
  </si>
  <si>
    <t>QTZ-493.7B_A6B - 5</t>
  </si>
  <si>
    <t>QTZ-493.7B_A3A - 2</t>
  </si>
  <si>
    <t>QTZ-493.7B_A6A - 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2" x14ac:knownFonts="1">
    <font>
      <sz val="11"/>
      <color theme="1"/>
      <name val="Arial"/>
      <family val="2"/>
    </font>
    <font>
      <sz val="10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1" fillId="0" borderId="0" xfId="0" applyFont="1" applyAlignment="1">
      <alignment horizontal="left"/>
    </xf>
    <xf numFmtId="0" fontId="1" fillId="0" borderId="0" xfId="0" applyFont="1" applyFill="1" applyBorder="1" applyAlignment="1">
      <alignment horizontal="left"/>
    </xf>
    <xf numFmtId="164" fontId="1" fillId="0" borderId="0" xfId="0" applyNumberFormat="1" applyFont="1" applyFill="1" applyBorder="1" applyAlignment="1">
      <alignment horizontal="left"/>
    </xf>
    <xf numFmtId="0" fontId="1" fillId="0" borderId="0" xfId="0" applyFont="1" applyFill="1" applyAlignment="1">
      <alignment horizontal="left"/>
    </xf>
    <xf numFmtId="164" fontId="1" fillId="0" borderId="0" xfId="0" applyNumberFormat="1" applyFont="1" applyFill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06"/>
  <sheetViews>
    <sheetView tabSelected="1" zoomScale="80" zoomScaleNormal="80" workbookViewId="0">
      <selection activeCell="J17" sqref="J17"/>
    </sheetView>
  </sheetViews>
  <sheetFormatPr defaultRowHeight="12.75" x14ac:dyDescent="0.2"/>
  <cols>
    <col min="1" max="1" width="22" style="1" bestFit="1" customWidth="1"/>
    <col min="2" max="2" width="9" style="1"/>
    <col min="3" max="3" width="13.125" style="1" bestFit="1" customWidth="1"/>
    <col min="4" max="4" width="9" style="1"/>
    <col min="5" max="5" width="13.125" style="1" bestFit="1" customWidth="1"/>
    <col min="6" max="10" width="9" style="1"/>
    <col min="11" max="11" width="12" style="1" bestFit="1" customWidth="1"/>
    <col min="12" max="16384" width="9" style="1"/>
  </cols>
  <sheetData>
    <row r="1" spans="1:6" x14ac:dyDescent="0.2">
      <c r="A1" s="4" t="s">
        <v>47</v>
      </c>
      <c r="B1" s="4"/>
      <c r="C1" s="4"/>
      <c r="D1" s="4"/>
    </row>
    <row r="2" spans="1:6" x14ac:dyDescent="0.2">
      <c r="A2" s="4" t="s">
        <v>37</v>
      </c>
      <c r="B2" s="4" t="s">
        <v>38</v>
      </c>
      <c r="C2" s="4" t="s">
        <v>37</v>
      </c>
      <c r="D2" s="4" t="s">
        <v>38</v>
      </c>
      <c r="E2" s="4" t="s">
        <v>37</v>
      </c>
      <c r="F2" s="4" t="s">
        <v>38</v>
      </c>
    </row>
    <row r="3" spans="1:6" x14ac:dyDescent="0.2">
      <c r="A3" s="2" t="s">
        <v>0</v>
      </c>
      <c r="B3" s="3">
        <v>58.024726917475213</v>
      </c>
      <c r="C3" s="4" t="s">
        <v>35</v>
      </c>
      <c r="D3" s="5">
        <v>98.451948413134033</v>
      </c>
      <c r="E3" s="4" t="s">
        <v>46</v>
      </c>
      <c r="F3" s="5">
        <v>179.73026735311632</v>
      </c>
    </row>
    <row r="4" spans="1:6" x14ac:dyDescent="0.2">
      <c r="A4" s="2" t="s">
        <v>1</v>
      </c>
      <c r="B4" s="3">
        <v>85.219952462208042</v>
      </c>
      <c r="C4" s="4" t="s">
        <v>35</v>
      </c>
      <c r="D4" s="5">
        <v>166.61672624745967</v>
      </c>
      <c r="E4" s="4" t="s">
        <v>46</v>
      </c>
      <c r="F4" s="5">
        <v>147.1884003384173</v>
      </c>
    </row>
    <row r="5" spans="1:6" x14ac:dyDescent="0.2">
      <c r="A5" s="2" t="s">
        <v>2</v>
      </c>
      <c r="B5" s="3">
        <v>57.242300755385742</v>
      </c>
      <c r="C5" s="4" t="s">
        <v>35</v>
      </c>
      <c r="D5" s="5">
        <v>167.51969366239481</v>
      </c>
      <c r="E5" s="4" t="s">
        <v>46</v>
      </c>
      <c r="F5" s="5">
        <v>188.7213027889357</v>
      </c>
    </row>
    <row r="6" spans="1:6" x14ac:dyDescent="0.2">
      <c r="A6" s="2" t="s">
        <v>3</v>
      </c>
      <c r="B6" s="3">
        <v>82.500422155698061</v>
      </c>
      <c r="C6" s="4" t="s">
        <v>35</v>
      </c>
      <c r="D6" s="5">
        <v>104.81708236108737</v>
      </c>
      <c r="E6" s="4" t="s">
        <v>46</v>
      </c>
      <c r="F6" s="5">
        <v>201.56639266186306</v>
      </c>
    </row>
    <row r="7" spans="1:6" x14ac:dyDescent="0.2">
      <c r="A7" s="2" t="s">
        <v>4</v>
      </c>
      <c r="B7" s="3">
        <v>76.058154402461284</v>
      </c>
      <c r="C7" s="4" t="s">
        <v>35</v>
      </c>
      <c r="D7" s="5">
        <v>115.49394885985888</v>
      </c>
      <c r="E7" s="4" t="s">
        <v>46</v>
      </c>
      <c r="F7" s="5">
        <v>190.91192175357489</v>
      </c>
    </row>
    <row r="8" spans="1:6" x14ac:dyDescent="0.2">
      <c r="A8" s="2" t="s">
        <v>5</v>
      </c>
      <c r="B8" s="3">
        <v>107.38782783791271</v>
      </c>
      <c r="C8" s="4" t="s">
        <v>35</v>
      </c>
      <c r="D8" s="5">
        <v>122.70121960845269</v>
      </c>
      <c r="E8" s="4" t="s">
        <v>46</v>
      </c>
      <c r="F8" s="5">
        <v>192.69037003883781</v>
      </c>
    </row>
    <row r="9" spans="1:6" x14ac:dyDescent="0.2">
      <c r="A9" s="2" t="s">
        <v>6</v>
      </c>
      <c r="B9" s="3">
        <v>94.9444610719504</v>
      </c>
      <c r="C9" s="4" t="s">
        <v>35</v>
      </c>
      <c r="D9" s="5">
        <v>119.05430355161383</v>
      </c>
      <c r="E9" s="4" t="s">
        <v>46</v>
      </c>
      <c r="F9" s="5">
        <v>112.19650752330276</v>
      </c>
    </row>
    <row r="10" spans="1:6" x14ac:dyDescent="0.2">
      <c r="A10" s="2" t="s">
        <v>7</v>
      </c>
      <c r="B10" s="3">
        <v>75.874000805736458</v>
      </c>
      <c r="C10" s="4" t="s">
        <v>35</v>
      </c>
      <c r="D10" s="5">
        <v>116.35325908216819</v>
      </c>
      <c r="E10" s="4" t="s">
        <v>46</v>
      </c>
      <c r="F10" s="5">
        <v>130.75953271490746</v>
      </c>
    </row>
    <row r="11" spans="1:6" x14ac:dyDescent="0.2">
      <c r="A11" s="2" t="s">
        <v>8</v>
      </c>
      <c r="B11" s="3">
        <v>78.759582315478738</v>
      </c>
      <c r="C11" s="4" t="s">
        <v>35</v>
      </c>
      <c r="D11" s="5">
        <v>122.60691441589348</v>
      </c>
      <c r="E11" s="4" t="s">
        <v>46</v>
      </c>
      <c r="F11" s="5">
        <v>118.18768904175673</v>
      </c>
    </row>
    <row r="12" spans="1:6" x14ac:dyDescent="0.2">
      <c r="A12" s="2" t="s">
        <v>9</v>
      </c>
      <c r="B12" s="3">
        <v>102.52682091644111</v>
      </c>
      <c r="C12" s="4" t="s">
        <v>35</v>
      </c>
      <c r="D12" s="5">
        <v>133.01815917817007</v>
      </c>
    </row>
    <row r="13" spans="1:6" x14ac:dyDescent="0.2">
      <c r="A13" s="2" t="s">
        <v>10</v>
      </c>
      <c r="B13" s="3">
        <v>103.88045061780214</v>
      </c>
      <c r="C13" s="4" t="s">
        <v>35</v>
      </c>
      <c r="D13" s="5">
        <v>138.88453193643562</v>
      </c>
    </row>
    <row r="14" spans="1:6" x14ac:dyDescent="0.2">
      <c r="A14" s="2" t="s">
        <v>11</v>
      </c>
      <c r="B14" s="3">
        <v>127.26079679765859</v>
      </c>
      <c r="C14" s="4" t="s">
        <v>35</v>
      </c>
      <c r="D14" s="5">
        <v>113.38875048090672</v>
      </c>
    </row>
    <row r="15" spans="1:6" x14ac:dyDescent="0.2">
      <c r="A15" s="2" t="s">
        <v>12</v>
      </c>
      <c r="B15" s="3">
        <v>130.26699170036457</v>
      </c>
      <c r="C15" s="4" t="s">
        <v>35</v>
      </c>
      <c r="D15" s="5">
        <v>124.75827817155388</v>
      </c>
    </row>
    <row r="16" spans="1:6" x14ac:dyDescent="0.2">
      <c r="A16" s="2" t="s">
        <v>13</v>
      </c>
      <c r="B16" s="3">
        <v>113.82452860727462</v>
      </c>
      <c r="C16" s="4" t="s">
        <v>35</v>
      </c>
      <c r="D16" s="5">
        <v>118.92913436868437</v>
      </c>
    </row>
    <row r="17" spans="1:4" x14ac:dyDescent="0.2">
      <c r="A17" s="2" t="s">
        <v>14</v>
      </c>
      <c r="B17" s="3">
        <v>133.83815921220398</v>
      </c>
      <c r="C17" s="4" t="s">
        <v>35</v>
      </c>
      <c r="D17" s="5">
        <v>165.88715693257328</v>
      </c>
    </row>
    <row r="18" spans="1:4" x14ac:dyDescent="0.2">
      <c r="A18" s="2" t="s">
        <v>15</v>
      </c>
      <c r="B18" s="3">
        <v>124.83733860021731</v>
      </c>
      <c r="C18" s="4" t="s">
        <v>35</v>
      </c>
      <c r="D18" s="5">
        <v>199.33931551874591</v>
      </c>
    </row>
    <row r="19" spans="1:4" x14ac:dyDescent="0.2">
      <c r="A19" s="2" t="s">
        <v>16</v>
      </c>
      <c r="B19" s="3">
        <v>82.169482043826562</v>
      </c>
      <c r="C19" s="4" t="s">
        <v>35</v>
      </c>
      <c r="D19" s="5">
        <v>201.16898845889381</v>
      </c>
    </row>
    <row r="20" spans="1:4" x14ac:dyDescent="0.2">
      <c r="A20" s="2" t="s">
        <v>17</v>
      </c>
      <c r="B20" s="3">
        <v>61.325524522510413</v>
      </c>
      <c r="C20" s="4" t="s">
        <v>35</v>
      </c>
      <c r="D20" s="5">
        <v>167.75130494252215</v>
      </c>
    </row>
    <row r="21" spans="1:4" x14ac:dyDescent="0.2">
      <c r="A21" s="2" t="s">
        <v>18</v>
      </c>
      <c r="B21" s="3">
        <v>58.679829517235383</v>
      </c>
      <c r="C21" s="4" t="s">
        <v>35</v>
      </c>
      <c r="D21" s="5">
        <v>175.69726853598041</v>
      </c>
    </row>
    <row r="22" spans="1:4" x14ac:dyDescent="0.2">
      <c r="A22" s="2" t="s">
        <v>19</v>
      </c>
      <c r="B22" s="3">
        <v>40.673601967369549</v>
      </c>
      <c r="C22" s="4" t="s">
        <v>35</v>
      </c>
      <c r="D22" s="5">
        <v>149.87398242748768</v>
      </c>
    </row>
    <row r="23" spans="1:4" x14ac:dyDescent="0.2">
      <c r="A23" s="2" t="s">
        <v>20</v>
      </c>
      <c r="B23" s="3">
        <v>88.431457315943547</v>
      </c>
      <c r="C23" s="4" t="s">
        <v>36</v>
      </c>
      <c r="D23" s="5">
        <v>79.51795280409452</v>
      </c>
    </row>
    <row r="24" spans="1:4" x14ac:dyDescent="0.2">
      <c r="A24" s="2" t="s">
        <v>21</v>
      </c>
      <c r="B24" s="3">
        <v>65.225859166683151</v>
      </c>
      <c r="C24" s="4" t="s">
        <v>36</v>
      </c>
      <c r="D24" s="5">
        <v>90.865986220585853</v>
      </c>
    </row>
    <row r="25" spans="1:4" x14ac:dyDescent="0.2">
      <c r="A25" s="4" t="s">
        <v>39</v>
      </c>
      <c r="B25" s="5">
        <v>52.261762983054489</v>
      </c>
      <c r="C25" s="4" t="s">
        <v>36</v>
      </c>
      <c r="D25" s="5">
        <v>106.69920058361666</v>
      </c>
    </row>
    <row r="26" spans="1:4" x14ac:dyDescent="0.2">
      <c r="A26" s="4" t="s">
        <v>40</v>
      </c>
      <c r="B26" s="5">
        <v>44.98910164806933</v>
      </c>
      <c r="C26" s="4" t="s">
        <v>36</v>
      </c>
      <c r="D26" s="5">
        <v>172.60730730341646</v>
      </c>
    </row>
    <row r="27" spans="1:4" x14ac:dyDescent="0.2">
      <c r="A27" s="4" t="s">
        <v>41</v>
      </c>
      <c r="B27" s="5">
        <v>69.019052090963811</v>
      </c>
      <c r="C27" s="4" t="s">
        <v>36</v>
      </c>
      <c r="D27" s="5">
        <v>130.30431523164808</v>
      </c>
    </row>
    <row r="28" spans="1:4" x14ac:dyDescent="0.2">
      <c r="A28" s="4" t="s">
        <v>42</v>
      </c>
      <c r="B28" s="5">
        <v>77.62234839709636</v>
      </c>
      <c r="C28" s="4" t="s">
        <v>36</v>
      </c>
      <c r="D28" s="5">
        <v>93.710879093493674</v>
      </c>
    </row>
    <row r="29" spans="1:4" x14ac:dyDescent="0.2">
      <c r="A29" s="4" t="s">
        <v>43</v>
      </c>
      <c r="B29" s="5">
        <v>63.882386739135107</v>
      </c>
      <c r="C29" s="4" t="s">
        <v>36</v>
      </c>
      <c r="D29" s="5">
        <v>80.228779374201707</v>
      </c>
    </row>
    <row r="30" spans="1:4" x14ac:dyDescent="0.2">
      <c r="A30" s="4" t="s">
        <v>48</v>
      </c>
      <c r="B30" s="5">
        <v>115.68078102647453</v>
      </c>
      <c r="C30" s="4" t="s">
        <v>36</v>
      </c>
      <c r="D30" s="5">
        <v>93.147443724787962</v>
      </c>
    </row>
    <row r="31" spans="1:4" x14ac:dyDescent="0.2">
      <c r="A31" s="4" t="s">
        <v>49</v>
      </c>
      <c r="B31" s="5">
        <v>95.123068843793149</v>
      </c>
      <c r="C31" s="4" t="s">
        <v>36</v>
      </c>
      <c r="D31" s="5">
        <v>154.26578303830794</v>
      </c>
    </row>
    <row r="32" spans="1:4" x14ac:dyDescent="0.2">
      <c r="A32" s="4" t="s">
        <v>50</v>
      </c>
      <c r="B32" s="5">
        <v>89.357228848137098</v>
      </c>
      <c r="C32" s="4" t="s">
        <v>36</v>
      </c>
      <c r="D32" s="5">
        <v>89.440041326051926</v>
      </c>
    </row>
    <row r="33" spans="1:4" x14ac:dyDescent="0.2">
      <c r="A33" s="4" t="s">
        <v>51</v>
      </c>
      <c r="B33" s="5">
        <v>109.1665456918784</v>
      </c>
      <c r="C33" s="4" t="s">
        <v>36</v>
      </c>
      <c r="D33" s="5">
        <v>119.36199083196428</v>
      </c>
    </row>
    <row r="34" spans="1:4" x14ac:dyDescent="0.2">
      <c r="A34" s="4" t="s">
        <v>52</v>
      </c>
      <c r="B34" s="5">
        <v>114.07612702161471</v>
      </c>
      <c r="C34" s="4" t="s">
        <v>36</v>
      </c>
      <c r="D34" s="5">
        <v>113.4845930531189</v>
      </c>
    </row>
    <row r="35" spans="1:4" x14ac:dyDescent="0.2">
      <c r="A35" s="4" t="s">
        <v>53</v>
      </c>
      <c r="B35" s="5">
        <v>101.79353695453331</v>
      </c>
      <c r="C35" s="4" t="s">
        <v>36</v>
      </c>
      <c r="D35" s="5">
        <v>103.19641092601252</v>
      </c>
    </row>
    <row r="36" spans="1:4" x14ac:dyDescent="0.2">
      <c r="A36" s="4" t="s">
        <v>54</v>
      </c>
      <c r="B36" s="5">
        <v>71.775656512617019</v>
      </c>
      <c r="C36" s="4" t="s">
        <v>36</v>
      </c>
      <c r="D36" s="5">
        <v>89.562997432864705</v>
      </c>
    </row>
    <row r="37" spans="1:4" x14ac:dyDescent="0.2">
      <c r="A37" s="4" t="s">
        <v>55</v>
      </c>
      <c r="B37" s="5">
        <v>85.296945951835539</v>
      </c>
      <c r="C37" s="4" t="s">
        <v>36</v>
      </c>
      <c r="D37" s="5">
        <v>79.63195931338123</v>
      </c>
    </row>
    <row r="38" spans="1:4" x14ac:dyDescent="0.2">
      <c r="A38" s="4" t="s">
        <v>56</v>
      </c>
      <c r="B38" s="5">
        <v>91.869223054739408</v>
      </c>
      <c r="C38" s="4" t="s">
        <v>36</v>
      </c>
      <c r="D38" s="5">
        <v>140.55525295426597</v>
      </c>
    </row>
    <row r="39" spans="1:4" x14ac:dyDescent="0.2">
      <c r="A39" s="4" t="s">
        <v>57</v>
      </c>
      <c r="B39" s="5">
        <v>74.326790993660694</v>
      </c>
      <c r="C39" s="4" t="s">
        <v>36</v>
      </c>
      <c r="D39" s="5">
        <v>107.69976569334527</v>
      </c>
    </row>
    <row r="40" spans="1:4" x14ac:dyDescent="0.2">
      <c r="A40" s="4" t="s">
        <v>58</v>
      </c>
      <c r="B40" s="5">
        <v>76.562804821424578</v>
      </c>
      <c r="C40" s="4" t="s">
        <v>36</v>
      </c>
      <c r="D40" s="5">
        <v>142.16059200507399</v>
      </c>
    </row>
    <row r="41" spans="1:4" x14ac:dyDescent="0.2">
      <c r="A41" s="4" t="s">
        <v>59</v>
      </c>
      <c r="B41" s="5">
        <v>70.298053869401613</v>
      </c>
      <c r="C41" s="4" t="s">
        <v>36</v>
      </c>
      <c r="D41" s="5">
        <v>93.885099308652855</v>
      </c>
    </row>
    <row r="42" spans="1:4" x14ac:dyDescent="0.2">
      <c r="A42" s="4" t="s">
        <v>60</v>
      </c>
      <c r="B42" s="5">
        <v>79.502592952709236</v>
      </c>
      <c r="C42" s="4" t="s">
        <v>36</v>
      </c>
      <c r="D42" s="5">
        <v>109.52428014278152</v>
      </c>
    </row>
    <row r="43" spans="1:4" x14ac:dyDescent="0.2">
      <c r="A43" s="4" t="s">
        <v>61</v>
      </c>
      <c r="B43" s="5">
        <v>86.871908515071539</v>
      </c>
      <c r="C43" s="4" t="s">
        <v>44</v>
      </c>
      <c r="D43" s="3">
        <v>54.456141290143208</v>
      </c>
    </row>
    <row r="44" spans="1:4" x14ac:dyDescent="0.2">
      <c r="A44" s="4" t="s">
        <v>62</v>
      </c>
      <c r="B44" s="5">
        <v>79.646942519754262</v>
      </c>
      <c r="C44" s="4" t="s">
        <v>44</v>
      </c>
      <c r="D44" s="3">
        <v>84.794770152955863</v>
      </c>
    </row>
    <row r="45" spans="1:4" x14ac:dyDescent="0.2">
      <c r="A45" s="4" t="s">
        <v>63</v>
      </c>
      <c r="B45" s="5">
        <v>85.92666866299129</v>
      </c>
      <c r="C45" s="4" t="s">
        <v>44</v>
      </c>
      <c r="D45" s="3">
        <v>37.356155020632571</v>
      </c>
    </row>
    <row r="46" spans="1:4" x14ac:dyDescent="0.2">
      <c r="A46" s="4" t="s">
        <v>64</v>
      </c>
      <c r="B46" s="5">
        <v>106.9</v>
      </c>
      <c r="C46" s="4" t="s">
        <v>44</v>
      </c>
      <c r="D46" s="3">
        <v>81.428130315304756</v>
      </c>
    </row>
    <row r="47" spans="1:4" x14ac:dyDescent="0.2">
      <c r="A47" s="4" t="s">
        <v>65</v>
      </c>
      <c r="B47" s="5">
        <v>93</v>
      </c>
      <c r="C47" s="4" t="s">
        <v>44</v>
      </c>
      <c r="D47" s="3">
        <v>60.653502287696362</v>
      </c>
    </row>
    <row r="48" spans="1:4" x14ac:dyDescent="0.2">
      <c r="A48" s="4" t="s">
        <v>66</v>
      </c>
      <c r="B48" s="5">
        <v>101</v>
      </c>
      <c r="C48" s="4" t="s">
        <v>44</v>
      </c>
      <c r="D48" s="3">
        <v>121.97214317800797</v>
      </c>
    </row>
    <row r="49" spans="1:4" x14ac:dyDescent="0.2">
      <c r="A49" s="4" t="s">
        <v>67</v>
      </c>
      <c r="B49" s="5">
        <v>98.1</v>
      </c>
      <c r="C49" s="4" t="s">
        <v>44</v>
      </c>
      <c r="D49" s="3">
        <v>43.541046760872646</v>
      </c>
    </row>
    <row r="50" spans="1:4" x14ac:dyDescent="0.2">
      <c r="A50" s="4" t="s">
        <v>68</v>
      </c>
      <c r="B50" s="5">
        <v>122.2</v>
      </c>
      <c r="C50" s="4" t="s">
        <v>44</v>
      </c>
      <c r="D50" s="3">
        <v>62.931413464877927</v>
      </c>
    </row>
    <row r="51" spans="1:4" x14ac:dyDescent="0.2">
      <c r="A51" s="4" t="s">
        <v>69</v>
      </c>
      <c r="B51" s="5">
        <v>105.2</v>
      </c>
      <c r="C51" s="4" t="s">
        <v>44</v>
      </c>
      <c r="D51" s="3">
        <v>75.828416670294857</v>
      </c>
    </row>
    <row r="52" spans="1:4" x14ac:dyDescent="0.2">
      <c r="A52" s="4" t="s">
        <v>70</v>
      </c>
      <c r="B52" s="5">
        <v>81</v>
      </c>
      <c r="C52" s="4" t="s">
        <v>44</v>
      </c>
      <c r="D52" s="3">
        <v>23.165699989130619</v>
      </c>
    </row>
    <row r="53" spans="1:4" x14ac:dyDescent="0.2">
      <c r="A53" s="4" t="s">
        <v>71</v>
      </c>
      <c r="B53" s="5">
        <v>99</v>
      </c>
      <c r="C53" s="4" t="s">
        <v>44</v>
      </c>
      <c r="D53" s="3">
        <v>61.066765583946257</v>
      </c>
    </row>
    <row r="54" spans="1:4" x14ac:dyDescent="0.2">
      <c r="A54" s="4" t="s">
        <v>72</v>
      </c>
      <c r="B54" s="5">
        <v>113.5</v>
      </c>
      <c r="C54" s="4" t="s">
        <v>44</v>
      </c>
      <c r="D54" s="3">
        <v>132.10348589081073</v>
      </c>
    </row>
    <row r="55" spans="1:4" x14ac:dyDescent="0.2">
      <c r="A55" s="4" t="s">
        <v>73</v>
      </c>
      <c r="B55" s="5">
        <v>132.30000000000001</v>
      </c>
      <c r="C55" s="4" t="s">
        <v>44</v>
      </c>
      <c r="D55" s="3">
        <v>88.163160411747455</v>
      </c>
    </row>
    <row r="56" spans="1:4" x14ac:dyDescent="0.2">
      <c r="A56" s="4" t="s">
        <v>74</v>
      </c>
      <c r="B56" s="5">
        <v>129.6</v>
      </c>
      <c r="C56" s="4" t="s">
        <v>44</v>
      </c>
      <c r="D56" s="3">
        <v>71.864843292144272</v>
      </c>
    </row>
    <row r="57" spans="1:4" x14ac:dyDescent="0.2">
      <c r="A57" s="4" t="s">
        <v>75</v>
      </c>
      <c r="B57" s="5">
        <v>96.7</v>
      </c>
      <c r="C57" s="4" t="s">
        <v>44</v>
      </c>
      <c r="D57" s="3">
        <v>56.419068792636516</v>
      </c>
    </row>
    <row r="58" spans="1:4" x14ac:dyDescent="0.2">
      <c r="A58" s="4" t="s">
        <v>76</v>
      </c>
      <c r="B58" s="5">
        <v>89.9</v>
      </c>
      <c r="C58" s="4" t="s">
        <v>44</v>
      </c>
      <c r="D58" s="5">
        <v>122.85516397867273</v>
      </c>
    </row>
    <row r="59" spans="1:4" x14ac:dyDescent="0.2">
      <c r="A59" s="4" t="s">
        <v>77</v>
      </c>
      <c r="B59" s="5">
        <v>162</v>
      </c>
      <c r="C59" s="4" t="s">
        <v>44</v>
      </c>
      <c r="D59" s="5">
        <v>101.30551153367477</v>
      </c>
    </row>
    <row r="60" spans="1:4" x14ac:dyDescent="0.2">
      <c r="A60" s="4" t="s">
        <v>78</v>
      </c>
      <c r="B60" s="5">
        <v>177</v>
      </c>
      <c r="C60" s="4" t="s">
        <v>45</v>
      </c>
      <c r="D60" s="5">
        <v>229.57226200080086</v>
      </c>
    </row>
    <row r="61" spans="1:4" x14ac:dyDescent="0.2">
      <c r="A61" s="4" t="s">
        <v>79</v>
      </c>
      <c r="B61" s="5">
        <v>155</v>
      </c>
      <c r="C61" s="4" t="s">
        <v>45</v>
      </c>
      <c r="D61" s="5">
        <v>181.05908703183781</v>
      </c>
    </row>
    <row r="62" spans="1:4" x14ac:dyDescent="0.2">
      <c r="A62" s="4" t="s">
        <v>80</v>
      </c>
      <c r="B62" s="5">
        <v>156</v>
      </c>
      <c r="C62" s="4" t="s">
        <v>45</v>
      </c>
      <c r="D62" s="5">
        <v>187.3376665816202</v>
      </c>
    </row>
    <row r="63" spans="1:4" x14ac:dyDescent="0.2">
      <c r="A63" s="4" t="s">
        <v>81</v>
      </c>
      <c r="B63" s="5">
        <v>128.9</v>
      </c>
      <c r="C63" s="4" t="s">
        <v>45</v>
      </c>
      <c r="D63" s="5">
        <v>182.15977301411959</v>
      </c>
    </row>
    <row r="64" spans="1:4" x14ac:dyDescent="0.2">
      <c r="A64" s="4" t="s">
        <v>82</v>
      </c>
      <c r="B64" s="5">
        <v>134.4</v>
      </c>
      <c r="C64" s="4" t="s">
        <v>45</v>
      </c>
      <c r="D64" s="5">
        <v>215.78520538878928</v>
      </c>
    </row>
    <row r="65" spans="1:4" x14ac:dyDescent="0.2">
      <c r="A65" s="4" t="s">
        <v>83</v>
      </c>
      <c r="B65" s="5">
        <v>152.5</v>
      </c>
      <c r="C65" s="4" t="s">
        <v>45</v>
      </c>
      <c r="D65" s="5">
        <v>120.96803299754066</v>
      </c>
    </row>
    <row r="66" spans="1:4" x14ac:dyDescent="0.2">
      <c r="A66" s="4" t="s">
        <v>84</v>
      </c>
      <c r="B66" s="5">
        <v>149.5</v>
      </c>
      <c r="C66" s="4" t="s">
        <v>45</v>
      </c>
      <c r="D66" s="5">
        <v>114.02670440982392</v>
      </c>
    </row>
    <row r="67" spans="1:4" x14ac:dyDescent="0.2">
      <c r="A67" s="4" t="s">
        <v>85</v>
      </c>
      <c r="B67" s="5">
        <v>140</v>
      </c>
      <c r="C67" s="4" t="s">
        <v>45</v>
      </c>
      <c r="D67" s="5">
        <v>174.41630344764991</v>
      </c>
    </row>
    <row r="68" spans="1:4" x14ac:dyDescent="0.2">
      <c r="A68" s="4" t="s">
        <v>86</v>
      </c>
      <c r="B68" s="5">
        <v>107.7</v>
      </c>
      <c r="C68" s="4" t="s">
        <v>45</v>
      </c>
      <c r="D68" s="5">
        <v>130.51074403737158</v>
      </c>
    </row>
    <row r="69" spans="1:4" x14ac:dyDescent="0.2">
      <c r="A69" s="4" t="s">
        <v>87</v>
      </c>
      <c r="B69" s="5">
        <v>164</v>
      </c>
      <c r="C69" s="4" t="s">
        <v>45</v>
      </c>
      <c r="D69" s="5">
        <v>177.06332929453725</v>
      </c>
    </row>
    <row r="70" spans="1:4" x14ac:dyDescent="0.2">
      <c r="A70" s="4" t="s">
        <v>88</v>
      </c>
      <c r="B70" s="5">
        <v>164</v>
      </c>
      <c r="C70" s="4" t="s">
        <v>45</v>
      </c>
      <c r="D70" s="5">
        <v>141.71969465530981</v>
      </c>
    </row>
    <row r="71" spans="1:4" x14ac:dyDescent="0.2">
      <c r="A71" s="4" t="s">
        <v>89</v>
      </c>
      <c r="B71" s="5">
        <v>104.7</v>
      </c>
      <c r="C71" s="4" t="s">
        <v>45</v>
      </c>
      <c r="D71" s="5">
        <v>204.90981705255314</v>
      </c>
    </row>
    <row r="72" spans="1:4" x14ac:dyDescent="0.2">
      <c r="A72" s="4" t="s">
        <v>90</v>
      </c>
      <c r="B72" s="5">
        <v>143.5</v>
      </c>
      <c r="C72" s="4" t="s">
        <v>45</v>
      </c>
      <c r="D72" s="5">
        <v>182.52789271498392</v>
      </c>
    </row>
    <row r="73" spans="1:4" x14ac:dyDescent="0.2">
      <c r="A73" s="4" t="s">
        <v>91</v>
      </c>
      <c r="B73" s="5">
        <v>98.7</v>
      </c>
      <c r="C73" s="4" t="s">
        <v>45</v>
      </c>
      <c r="D73" s="5">
        <v>190.87162011674712</v>
      </c>
    </row>
    <row r="74" spans="1:4" x14ac:dyDescent="0.2">
      <c r="A74" s="4" t="s">
        <v>92</v>
      </c>
      <c r="B74" s="5">
        <v>138.30000000000001</v>
      </c>
      <c r="C74" s="4" t="s">
        <v>45</v>
      </c>
      <c r="D74" s="5">
        <v>220.87324266560259</v>
      </c>
    </row>
    <row r="75" spans="1:4" x14ac:dyDescent="0.2">
      <c r="A75" s="4" t="s">
        <v>93</v>
      </c>
      <c r="B75" s="5">
        <v>149</v>
      </c>
      <c r="C75" s="4" t="s">
        <v>45</v>
      </c>
      <c r="D75" s="5">
        <v>156.49978212881786</v>
      </c>
    </row>
    <row r="76" spans="1:4" x14ac:dyDescent="0.2">
      <c r="A76" s="4" t="s">
        <v>94</v>
      </c>
      <c r="B76" s="5">
        <v>156.6</v>
      </c>
      <c r="C76" s="4" t="s">
        <v>45</v>
      </c>
      <c r="D76" s="5">
        <v>176.94856949652018</v>
      </c>
    </row>
    <row r="77" spans="1:4" x14ac:dyDescent="0.2">
      <c r="A77" s="4" t="s">
        <v>95</v>
      </c>
      <c r="B77" s="5">
        <v>118.6</v>
      </c>
      <c r="C77" s="4" t="s">
        <v>45</v>
      </c>
      <c r="D77" s="5">
        <v>165.16162642179378</v>
      </c>
    </row>
    <row r="78" spans="1:4" x14ac:dyDescent="0.2">
      <c r="A78" s="4" t="s">
        <v>96</v>
      </c>
      <c r="B78" s="5">
        <v>112.7</v>
      </c>
      <c r="C78" s="4" t="s">
        <v>45</v>
      </c>
      <c r="D78" s="5">
        <v>168.11168793747532</v>
      </c>
    </row>
    <row r="79" spans="1:4" x14ac:dyDescent="0.2">
      <c r="A79" s="2" t="s">
        <v>22</v>
      </c>
      <c r="B79" s="3">
        <v>90.1</v>
      </c>
      <c r="C79" s="4" t="s">
        <v>45</v>
      </c>
      <c r="D79" s="5">
        <v>223.58254671394249</v>
      </c>
    </row>
    <row r="80" spans="1:4" x14ac:dyDescent="0.2">
      <c r="A80" s="2" t="s">
        <v>23</v>
      </c>
      <c r="B80" s="3">
        <v>106</v>
      </c>
      <c r="C80" s="4" t="s">
        <v>46</v>
      </c>
      <c r="D80" s="5">
        <v>140.783864273505</v>
      </c>
    </row>
    <row r="81" spans="1:4" x14ac:dyDescent="0.2">
      <c r="A81" s="2" t="s">
        <v>24</v>
      </c>
      <c r="B81" s="3">
        <v>76.2</v>
      </c>
      <c r="C81" s="4" t="s">
        <v>46</v>
      </c>
      <c r="D81" s="5">
        <v>152.69273541796906</v>
      </c>
    </row>
    <row r="82" spans="1:4" x14ac:dyDescent="0.2">
      <c r="A82" s="2" t="s">
        <v>25</v>
      </c>
      <c r="B82" s="3">
        <v>103.4</v>
      </c>
      <c r="C82" s="4" t="s">
        <v>46</v>
      </c>
      <c r="D82" s="5">
        <v>126.87819420652663</v>
      </c>
    </row>
    <row r="83" spans="1:4" x14ac:dyDescent="0.2">
      <c r="A83" s="2" t="s">
        <v>26</v>
      </c>
      <c r="B83" s="3">
        <v>133.6</v>
      </c>
      <c r="C83" s="4" t="s">
        <v>46</v>
      </c>
      <c r="D83" s="5">
        <v>107.34952027241944</v>
      </c>
    </row>
    <row r="84" spans="1:4" x14ac:dyDescent="0.2">
      <c r="A84" s="2" t="s">
        <v>27</v>
      </c>
      <c r="B84" s="3">
        <v>143.30000000000001</v>
      </c>
      <c r="C84" s="4" t="s">
        <v>46</v>
      </c>
      <c r="D84" s="5">
        <v>84.350690712615233</v>
      </c>
    </row>
    <row r="85" spans="1:4" x14ac:dyDescent="0.2">
      <c r="A85" s="2" t="s">
        <v>28</v>
      </c>
      <c r="B85" s="3">
        <v>162.69999999999999</v>
      </c>
      <c r="C85" s="4" t="s">
        <v>46</v>
      </c>
      <c r="D85" s="5">
        <v>194.96479844149329</v>
      </c>
    </row>
    <row r="86" spans="1:4" x14ac:dyDescent="0.2">
      <c r="A86" s="2" t="s">
        <v>29</v>
      </c>
      <c r="B86" s="3">
        <v>178</v>
      </c>
      <c r="C86" s="4" t="s">
        <v>46</v>
      </c>
      <c r="D86" s="5">
        <v>87.23134953670646</v>
      </c>
    </row>
    <row r="87" spans="1:4" x14ac:dyDescent="0.2">
      <c r="A87" s="2" t="s">
        <v>30</v>
      </c>
      <c r="B87" s="3">
        <v>114</v>
      </c>
      <c r="C87" s="4" t="s">
        <v>46</v>
      </c>
      <c r="D87" s="5">
        <v>123.88518037397893</v>
      </c>
    </row>
    <row r="88" spans="1:4" x14ac:dyDescent="0.2">
      <c r="A88" s="2" t="s">
        <v>31</v>
      </c>
      <c r="B88" s="3">
        <v>152.1</v>
      </c>
      <c r="C88" s="4" t="s">
        <v>46</v>
      </c>
      <c r="D88" s="5">
        <v>192.48280354683499</v>
      </c>
    </row>
    <row r="89" spans="1:4" x14ac:dyDescent="0.2">
      <c r="A89" s="2" t="s">
        <v>32</v>
      </c>
      <c r="B89" s="3">
        <v>140.19999999999999</v>
      </c>
      <c r="C89" s="4" t="s">
        <v>46</v>
      </c>
      <c r="D89" s="5">
        <v>211.36407827014685</v>
      </c>
    </row>
    <row r="90" spans="1:4" x14ac:dyDescent="0.2">
      <c r="A90" s="2" t="s">
        <v>33</v>
      </c>
      <c r="B90" s="3">
        <v>149</v>
      </c>
      <c r="C90" s="4" t="s">
        <v>46</v>
      </c>
      <c r="D90" s="5">
        <v>179.93264933935677</v>
      </c>
    </row>
    <row r="91" spans="1:4" x14ac:dyDescent="0.2">
      <c r="A91" s="2" t="s">
        <v>34</v>
      </c>
      <c r="B91" s="3">
        <v>146</v>
      </c>
      <c r="C91" s="4" t="s">
        <v>46</v>
      </c>
      <c r="D91" s="5">
        <v>199.48339829708539</v>
      </c>
    </row>
    <row r="92" spans="1:4" x14ac:dyDescent="0.2">
      <c r="A92" s="4"/>
      <c r="B92" s="4"/>
    </row>
    <row r="93" spans="1:4" x14ac:dyDescent="0.2">
      <c r="A93" s="4"/>
      <c r="B93" s="4"/>
    </row>
    <row r="94" spans="1:4" x14ac:dyDescent="0.2">
      <c r="A94" s="4"/>
      <c r="B94" s="4"/>
    </row>
    <row r="95" spans="1:4" x14ac:dyDescent="0.2">
      <c r="A95" s="4"/>
      <c r="B95" s="4"/>
    </row>
    <row r="96" spans="1:4" x14ac:dyDescent="0.2">
      <c r="A96" s="4"/>
      <c r="B96" s="4"/>
    </row>
    <row r="97" spans="1:4" x14ac:dyDescent="0.2">
      <c r="A97" s="4"/>
      <c r="B97" s="4"/>
    </row>
    <row r="98" spans="1:4" x14ac:dyDescent="0.2">
      <c r="A98" s="4"/>
      <c r="B98" s="4"/>
    </row>
    <row r="99" spans="1:4" x14ac:dyDescent="0.2">
      <c r="A99" s="4"/>
      <c r="B99" s="4"/>
    </row>
    <row r="100" spans="1:4" x14ac:dyDescent="0.2">
      <c r="A100" s="4"/>
      <c r="B100" s="4"/>
    </row>
    <row r="101" spans="1:4" x14ac:dyDescent="0.2">
      <c r="A101" s="4"/>
      <c r="B101" s="4"/>
      <c r="C101" s="4"/>
      <c r="D101" s="4"/>
    </row>
    <row r="102" spans="1:4" x14ac:dyDescent="0.2">
      <c r="A102" s="4"/>
      <c r="B102" s="4"/>
      <c r="C102" s="4"/>
      <c r="D102" s="4"/>
    </row>
    <row r="103" spans="1:4" x14ac:dyDescent="0.2">
      <c r="A103" s="4"/>
      <c r="B103" s="4"/>
      <c r="C103" s="4"/>
      <c r="D103" s="4"/>
    </row>
    <row r="104" spans="1:4" x14ac:dyDescent="0.2">
      <c r="A104" s="4"/>
      <c r="B104" s="4"/>
      <c r="C104" s="4"/>
      <c r="D104" s="4"/>
    </row>
    <row r="105" spans="1:4" x14ac:dyDescent="0.2">
      <c r="A105" s="4"/>
      <c r="B105" s="4"/>
      <c r="C105" s="4"/>
      <c r="D105" s="4"/>
    </row>
    <row r="106" spans="1:4" x14ac:dyDescent="0.2">
      <c r="A106" s="4"/>
      <c r="B106" s="4"/>
      <c r="C106" s="4"/>
      <c r="D106" s="4"/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ppendix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evin Neyedley</dc:creator>
  <cp:lastModifiedBy>Kevin Neyedley</cp:lastModifiedBy>
  <dcterms:created xsi:type="dcterms:W3CDTF">2020-03-13T19:00:16Z</dcterms:created>
  <dcterms:modified xsi:type="dcterms:W3CDTF">2020-05-25T13:24:47Z</dcterms:modified>
</cp:coreProperties>
</file>